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2268" yWindow="1800" windowWidth="13092" windowHeight="871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8</definedName>
  </definedNames>
  <calcPr calcId="152511" calcMode="manual"/>
</workbook>
</file>

<file path=xl/sharedStrings.xml><?xml version="1.0" encoding="utf-8"?>
<sst xmlns="http://schemas.openxmlformats.org/spreadsheetml/2006/main" count="1182" uniqueCount="897">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鶴嶺</t>
    <rPh sb="0" eb="2">
      <t>ツルミネ</t>
    </rPh>
    <phoneticPr fontId="1"/>
  </si>
  <si>
    <t>110</t>
    <phoneticPr fontId="1"/>
  </si>
  <si>
    <t>まんが　クラスメイトは外国人　多文化共生20の物語</t>
    <rPh sb="11" eb="13">
      <t>ガイコク</t>
    </rPh>
    <rPh sb="13" eb="14">
      <t>ジン</t>
    </rPh>
    <rPh sb="15" eb="18">
      <t>タブンカ</t>
    </rPh>
    <rPh sb="18" eb="20">
      <t>キョウセイ</t>
    </rPh>
    <rPh sb="23" eb="25">
      <t>モノガタリ</t>
    </rPh>
    <phoneticPr fontId="1"/>
  </si>
  <si>
    <t>「外国につながる子どもたちの物語」編集委員会　編　　みなみななみ　まんが　　</t>
    <rPh sb="1" eb="3">
      <t>ガイコク</t>
    </rPh>
    <rPh sb="8" eb="9">
      <t>コ</t>
    </rPh>
    <rPh sb="14" eb="16">
      <t>モノガタリ</t>
    </rPh>
    <rPh sb="17" eb="19">
      <t>ヘンシュウ</t>
    </rPh>
    <rPh sb="19" eb="22">
      <t>イインカイ</t>
    </rPh>
    <rPh sb="23" eb="24">
      <t>ヘン</t>
    </rPh>
    <phoneticPr fontId="1"/>
  </si>
  <si>
    <t>明石書店</t>
    <rPh sb="0" eb="4">
      <t>アカシショテン</t>
    </rPh>
    <phoneticPr fontId="1"/>
  </si>
  <si>
    <t>あなたの周囲にもいろいろな外国人がいます。1人1人を主人公にした読みやすい漫画と、その後のQ&amp;Aで「世界」が見えてきます。</t>
    <rPh sb="4" eb="6">
      <t>シュウイ</t>
    </rPh>
    <rPh sb="13" eb="15">
      <t>ガイコク</t>
    </rPh>
    <rPh sb="15" eb="16">
      <t>ジン</t>
    </rPh>
    <rPh sb="22" eb="23">
      <t>ニン</t>
    </rPh>
    <rPh sb="24" eb="25">
      <t>ニン</t>
    </rPh>
    <rPh sb="26" eb="29">
      <t>シュジンコウ</t>
    </rPh>
    <rPh sb="32" eb="33">
      <t>ヨ</t>
    </rPh>
    <rPh sb="37" eb="39">
      <t>マンガ</t>
    </rPh>
    <rPh sb="43" eb="44">
      <t>アト</t>
    </rPh>
    <rPh sb="50" eb="52">
      <t>セカイ</t>
    </rPh>
    <rPh sb="54" eb="55">
      <t>ミ</t>
    </rPh>
    <phoneticPr fontId="1"/>
  </si>
  <si>
    <t>爆笑！クールジャパン　　えっ？外国人は日本をそう思っていたの…！？　コミックエッセイ</t>
    <rPh sb="0" eb="2">
      <t>バクショウ</t>
    </rPh>
    <rPh sb="15" eb="17">
      <t>ガイコク</t>
    </rPh>
    <rPh sb="17" eb="18">
      <t>ジン</t>
    </rPh>
    <rPh sb="19" eb="21">
      <t>ニホン</t>
    </rPh>
    <rPh sb="24" eb="25">
      <t>オモ</t>
    </rPh>
    <phoneticPr fontId="1"/>
  </si>
  <si>
    <t>サンドラ・ヘフェリン　原作　　片桐了　漫画</t>
    <rPh sb="11" eb="13">
      <t>ゲンサク</t>
    </rPh>
    <rPh sb="15" eb="17">
      <t>カタギリ</t>
    </rPh>
    <rPh sb="17" eb="18">
      <t>リョウ</t>
    </rPh>
    <rPh sb="19" eb="21">
      <t>マンガ</t>
    </rPh>
    <phoneticPr fontId="1"/>
  </si>
  <si>
    <t>アスコム</t>
    <phoneticPr fontId="1"/>
  </si>
  <si>
    <t>日本の漢字は外国人にとっては「かっこいい」。奇想天外さに爆笑し、あらためて日本を客観的に見る一冊。</t>
    <rPh sb="0" eb="2">
      <t>ニホン</t>
    </rPh>
    <rPh sb="3" eb="5">
      <t>カンジ</t>
    </rPh>
    <rPh sb="6" eb="9">
      <t>ガイコクジン</t>
    </rPh>
    <rPh sb="22" eb="26">
      <t>キソウテンガイ</t>
    </rPh>
    <rPh sb="28" eb="30">
      <t>バクショウ</t>
    </rPh>
    <rPh sb="37" eb="39">
      <t>ニホン</t>
    </rPh>
    <rPh sb="40" eb="43">
      <t>キャッカンテキ</t>
    </rPh>
    <rPh sb="44" eb="45">
      <t>ミ</t>
    </rPh>
    <rPh sb="46" eb="48">
      <t>イッサツ</t>
    </rPh>
    <phoneticPr fontId="1"/>
  </si>
  <si>
    <t>なぜ「大学は出ておきなさい」と言われるのか　キャリアにつながる学び方</t>
    <rPh sb="3" eb="5">
      <t>ダイガク</t>
    </rPh>
    <rPh sb="6" eb="7">
      <t>デ</t>
    </rPh>
    <rPh sb="15" eb="16">
      <t>イ</t>
    </rPh>
    <rPh sb="31" eb="32">
      <t>マナ</t>
    </rPh>
    <rPh sb="33" eb="34">
      <t>カタ</t>
    </rPh>
    <phoneticPr fontId="1"/>
  </si>
  <si>
    <t>浦坂純子</t>
    <rPh sb="0" eb="1">
      <t>ウラ</t>
    </rPh>
    <rPh sb="1" eb="2">
      <t>サカ</t>
    </rPh>
    <rPh sb="2" eb="4">
      <t>ジュンコ</t>
    </rPh>
    <phoneticPr fontId="1"/>
  </si>
  <si>
    <t>社会学部の教授の視点から進学・就職とつながる「なぜなのか？」を説明するとともに、大学での学びについても紹介します。</t>
    <rPh sb="0" eb="2">
      <t>シャカイ</t>
    </rPh>
    <rPh sb="2" eb="4">
      <t>ガクブ</t>
    </rPh>
    <rPh sb="5" eb="7">
      <t>キョウジュ</t>
    </rPh>
    <rPh sb="8" eb="10">
      <t>シテン</t>
    </rPh>
    <rPh sb="12" eb="14">
      <t>シンガク</t>
    </rPh>
    <rPh sb="15" eb="17">
      <t>シュウショク</t>
    </rPh>
    <rPh sb="31" eb="33">
      <t>セツメイ</t>
    </rPh>
    <rPh sb="40" eb="42">
      <t>ダイガク</t>
    </rPh>
    <rPh sb="44" eb="45">
      <t>マナ</t>
    </rPh>
    <rPh sb="51" eb="53">
      <t>ショウカイ</t>
    </rPh>
    <phoneticPr fontId="1"/>
  </si>
  <si>
    <t>「和」の行事えほん　(英語版)</t>
    <rPh sb="1" eb="2">
      <t>ワ</t>
    </rPh>
    <rPh sb="4" eb="6">
      <t>ギョウジ</t>
    </rPh>
    <rPh sb="11" eb="13">
      <t>エイゴ</t>
    </rPh>
    <rPh sb="13" eb="14">
      <t>ハン</t>
    </rPh>
    <phoneticPr fontId="1"/>
  </si>
  <si>
    <t>絵本の家</t>
    <rPh sb="0" eb="2">
      <t>エホン</t>
    </rPh>
    <rPh sb="3" eb="4">
      <t>イエ</t>
    </rPh>
    <phoneticPr fontId="1"/>
  </si>
  <si>
    <t>動物たちを主人公にしたかわいい絵本ですが、文章はすべて英文。どのように紹介しているか、に注目してみましょう。</t>
    <rPh sb="0" eb="2">
      <t>ドウブツ</t>
    </rPh>
    <rPh sb="5" eb="8">
      <t>シュジンコウ</t>
    </rPh>
    <rPh sb="15" eb="17">
      <t>エホン</t>
    </rPh>
    <rPh sb="21" eb="23">
      <t>ブンショウ</t>
    </rPh>
    <rPh sb="27" eb="29">
      <t>エイブン</t>
    </rPh>
    <rPh sb="35" eb="37">
      <t>ショウカイ</t>
    </rPh>
    <rPh sb="44" eb="46">
      <t>チュウモク</t>
    </rPh>
    <phoneticPr fontId="1"/>
  </si>
  <si>
    <t>末次由紀</t>
    <rPh sb="0" eb="4">
      <t>スエツグユキ</t>
    </rPh>
    <phoneticPr fontId="1"/>
  </si>
  <si>
    <t>アイヌ　もっと知りたい！くらしや歴史</t>
    <rPh sb="7" eb="8">
      <t>シ</t>
    </rPh>
    <rPh sb="16" eb="18">
      <t>レキシ</t>
    </rPh>
    <phoneticPr fontId="1"/>
  </si>
  <si>
    <t>岩﨑書店</t>
    <rPh sb="0" eb="2">
      <t>イワサキ</t>
    </rPh>
    <rPh sb="2" eb="4">
      <t>ショテン</t>
    </rPh>
    <phoneticPr fontId="1"/>
  </si>
  <si>
    <t>児童書で写真やイラストに添えられた文章もわかりやすい。入門編の一冊として。</t>
    <rPh sb="0" eb="3">
      <t>ジドウショ</t>
    </rPh>
    <rPh sb="4" eb="6">
      <t>シャシン</t>
    </rPh>
    <rPh sb="12" eb="13">
      <t>ソ</t>
    </rPh>
    <rPh sb="17" eb="19">
      <t>ブンショウ</t>
    </rPh>
    <rPh sb="27" eb="29">
      <t>ニュウモン</t>
    </rPh>
    <rPh sb="29" eb="30">
      <t>ヘン</t>
    </rPh>
    <rPh sb="31" eb="33">
      <t>イッサツ</t>
    </rPh>
    <phoneticPr fontId="1"/>
  </si>
  <si>
    <t>知里幸恵とアイヌ　学習まんが人物館</t>
    <rPh sb="0" eb="4">
      <t>チリユキエ</t>
    </rPh>
    <rPh sb="9" eb="11">
      <t>ガクシュウ</t>
    </rPh>
    <rPh sb="14" eb="16">
      <t>ジンブツ</t>
    </rPh>
    <rPh sb="16" eb="17">
      <t>カン</t>
    </rPh>
    <phoneticPr fontId="1"/>
  </si>
  <si>
    <t>小学館</t>
    <rPh sb="0" eb="3">
      <t>ショウガクカン</t>
    </rPh>
    <phoneticPr fontId="1"/>
  </si>
  <si>
    <t>アイヌ語の研究をしたアイヌ人女性の短い一生と大きな業績を学んでみましょう。</t>
    <rPh sb="3" eb="4">
      <t>ゴ</t>
    </rPh>
    <rPh sb="5" eb="7">
      <t>ケンキュウ</t>
    </rPh>
    <rPh sb="13" eb="14">
      <t>ジン</t>
    </rPh>
    <rPh sb="14" eb="16">
      <t>ジョセイ</t>
    </rPh>
    <rPh sb="17" eb="18">
      <t>ミジカ</t>
    </rPh>
    <rPh sb="19" eb="21">
      <t>イッショウ</t>
    </rPh>
    <rPh sb="22" eb="23">
      <t>オオ</t>
    </rPh>
    <rPh sb="25" eb="27">
      <t>ギョウセキ</t>
    </rPh>
    <rPh sb="28" eb="29">
      <t>マナ</t>
    </rPh>
    <phoneticPr fontId="1"/>
  </si>
  <si>
    <t>北海道の歴史がわかる本　増補版</t>
    <rPh sb="0" eb="3">
      <t>ホッカイドウ</t>
    </rPh>
    <rPh sb="4" eb="6">
      <t>レキシ</t>
    </rPh>
    <rPh sb="10" eb="11">
      <t>ホン</t>
    </rPh>
    <rPh sb="12" eb="14">
      <t>ゾウホ</t>
    </rPh>
    <rPh sb="14" eb="15">
      <t>ハン</t>
    </rPh>
    <phoneticPr fontId="1"/>
  </si>
  <si>
    <t>桑原真人　川上淳</t>
    <rPh sb="0" eb="2">
      <t>クワハラ</t>
    </rPh>
    <rPh sb="2" eb="4">
      <t>マサト</t>
    </rPh>
    <rPh sb="5" eb="7">
      <t>カワカミ</t>
    </rPh>
    <rPh sb="7" eb="8">
      <t>ジュン</t>
    </rPh>
    <phoneticPr fontId="1"/>
  </si>
  <si>
    <t>亜璃西社</t>
    <rPh sb="0" eb="1">
      <t>ア</t>
    </rPh>
    <rPh sb="1" eb="2">
      <t>リ</t>
    </rPh>
    <rPh sb="2" eb="3">
      <t>ニシ</t>
    </rPh>
    <rPh sb="3" eb="4">
      <t>シャ</t>
    </rPh>
    <phoneticPr fontId="1"/>
  </si>
  <si>
    <t>大学学部調べ　国際学部</t>
    <rPh sb="0" eb="2">
      <t>ダイガク</t>
    </rPh>
    <rPh sb="2" eb="4">
      <t>ガクブ</t>
    </rPh>
    <rPh sb="4" eb="5">
      <t>シラ</t>
    </rPh>
    <rPh sb="7" eb="9">
      <t>コクサイ</t>
    </rPh>
    <rPh sb="9" eb="11">
      <t>ガクブ</t>
    </rPh>
    <phoneticPr fontId="1"/>
  </si>
  <si>
    <t>三井綾子</t>
    <rPh sb="0" eb="2">
      <t>ミツイ</t>
    </rPh>
    <rPh sb="2" eb="4">
      <t>アヤコ</t>
    </rPh>
    <phoneticPr fontId="1"/>
  </si>
  <si>
    <t>何を学ぶところか、大学生活から卒業後のこと、この学部を目指すには何をしたらいいか、など網羅しています。</t>
    <rPh sb="0" eb="1">
      <t>ナニ</t>
    </rPh>
    <rPh sb="2" eb="3">
      <t>マナ</t>
    </rPh>
    <rPh sb="9" eb="11">
      <t>ダイガク</t>
    </rPh>
    <rPh sb="11" eb="13">
      <t>セイカツ</t>
    </rPh>
    <rPh sb="15" eb="18">
      <t>ソツギョウゴ</t>
    </rPh>
    <rPh sb="24" eb="26">
      <t>ガクブ</t>
    </rPh>
    <rPh sb="27" eb="29">
      <t>メザ</t>
    </rPh>
    <rPh sb="32" eb="33">
      <t>ナニ</t>
    </rPh>
    <rPh sb="43" eb="45">
      <t>モウラ</t>
    </rPh>
    <phoneticPr fontId="1"/>
  </si>
  <si>
    <t>アイヌ文化で読み解く「ゴールデンカムイ」</t>
    <rPh sb="3" eb="5">
      <t>ブンカ</t>
    </rPh>
    <rPh sb="6" eb="7">
      <t>ヨ</t>
    </rPh>
    <rPh sb="8" eb="9">
      <t>ト</t>
    </rPh>
    <phoneticPr fontId="1"/>
  </si>
  <si>
    <t>中川裕</t>
    <rPh sb="0" eb="3">
      <t>ナカガワユウ</t>
    </rPh>
    <phoneticPr fontId="1"/>
  </si>
  <si>
    <t>コミックス「ゴールデンカムイ」をきっかけにして、次の段階へ。マンガの絵も入って、読みやすい文体です。</t>
    <rPh sb="24" eb="25">
      <t>ツギ</t>
    </rPh>
    <rPh sb="26" eb="28">
      <t>ダンカイ</t>
    </rPh>
    <rPh sb="34" eb="35">
      <t>エ</t>
    </rPh>
    <rPh sb="36" eb="37">
      <t>ハイ</t>
    </rPh>
    <rPh sb="40" eb="41">
      <t>ヨ</t>
    </rPh>
    <rPh sb="45" eb="47">
      <t>ブンタイ</t>
    </rPh>
    <phoneticPr fontId="1"/>
  </si>
  <si>
    <t>ニャンだ！その日本語　どっちがマチガイ？どっちが正しい？</t>
    <rPh sb="7" eb="10">
      <t>ニホンゴ</t>
    </rPh>
    <rPh sb="24" eb="25">
      <t>タダ</t>
    </rPh>
    <phoneticPr fontId="1"/>
  </si>
  <si>
    <t>ネコまる編集部</t>
    <rPh sb="4" eb="6">
      <t>ヘンシュウ</t>
    </rPh>
    <rPh sb="6" eb="7">
      <t>ブ</t>
    </rPh>
    <phoneticPr fontId="1"/>
  </si>
  <si>
    <t>辰巳出版</t>
    <rPh sb="0" eb="4">
      <t>タツミシュッパン</t>
    </rPh>
    <phoneticPr fontId="1"/>
  </si>
  <si>
    <t>知っているようで知らない、どちらが正しいか尋ねられると自信がない、そんな日本語をかわいい猫の写真にリードされて勉強できる本です。</t>
    <rPh sb="0" eb="1">
      <t>シ</t>
    </rPh>
    <rPh sb="8" eb="9">
      <t>シ</t>
    </rPh>
    <rPh sb="17" eb="18">
      <t>タダ</t>
    </rPh>
    <rPh sb="21" eb="22">
      <t>タズ</t>
    </rPh>
    <rPh sb="27" eb="29">
      <t>ジシン</t>
    </rPh>
    <rPh sb="36" eb="39">
      <t>ニホンゴ</t>
    </rPh>
    <rPh sb="44" eb="45">
      <t>ネコ</t>
    </rPh>
    <rPh sb="46" eb="48">
      <t>シャシン</t>
    </rPh>
    <rPh sb="55" eb="57">
      <t>ベンキョウ</t>
    </rPh>
    <rPh sb="60" eb="61">
      <t>ホン</t>
    </rPh>
    <phoneticPr fontId="1"/>
  </si>
  <si>
    <t>声に出して読みたい日本語　5　心の琴線にふれる言葉</t>
    <rPh sb="0" eb="1">
      <t>コエ</t>
    </rPh>
    <rPh sb="2" eb="3">
      <t>ダ</t>
    </rPh>
    <rPh sb="5" eb="6">
      <t>ヨ</t>
    </rPh>
    <rPh sb="9" eb="12">
      <t>ニホンゴ</t>
    </rPh>
    <rPh sb="15" eb="16">
      <t>ココロ</t>
    </rPh>
    <rPh sb="17" eb="19">
      <t>キンセン</t>
    </rPh>
    <rPh sb="23" eb="25">
      <t>コトバ</t>
    </rPh>
    <phoneticPr fontId="1"/>
  </si>
  <si>
    <t>齋藤孝</t>
    <rPh sb="0" eb="3">
      <t>サイトウタカシ</t>
    </rPh>
    <phoneticPr fontId="1"/>
  </si>
  <si>
    <t>草思社</t>
    <rPh sb="0" eb="3">
      <t>ソウシシャ</t>
    </rPh>
    <phoneticPr fontId="1"/>
  </si>
  <si>
    <t>日本語のリズムが心地よく、1つ1つの言葉や文章がすてきです。</t>
    <rPh sb="0" eb="3">
      <t>ニホンゴ</t>
    </rPh>
    <rPh sb="8" eb="10">
      <t>ココチ</t>
    </rPh>
    <rPh sb="18" eb="20">
      <t>コトバ</t>
    </rPh>
    <rPh sb="21" eb="23">
      <t>ブンショウ</t>
    </rPh>
    <phoneticPr fontId="1"/>
  </si>
  <si>
    <t>世界の言葉で「ありがとう」ってどう言うの？</t>
    <rPh sb="0" eb="2">
      <t>セカイ</t>
    </rPh>
    <rPh sb="3" eb="5">
      <t>コトバ</t>
    </rPh>
    <rPh sb="17" eb="18">
      <t>イ</t>
    </rPh>
    <phoneticPr fontId="1"/>
  </si>
  <si>
    <t>池上彰　稲葉茂勝</t>
    <rPh sb="0" eb="2">
      <t>イケガミ</t>
    </rPh>
    <rPh sb="2" eb="3">
      <t>アキラ</t>
    </rPh>
    <rPh sb="4" eb="6">
      <t>イナバ</t>
    </rPh>
    <rPh sb="6" eb="8">
      <t>シゲカツ</t>
    </rPh>
    <phoneticPr fontId="1"/>
  </si>
  <si>
    <t>今人舎</t>
    <rPh sb="0" eb="1">
      <t>イマ</t>
    </rPh>
    <rPh sb="1" eb="2">
      <t>ヒト</t>
    </rPh>
    <rPh sb="2" eb="3">
      <t>シャ</t>
    </rPh>
    <phoneticPr fontId="1"/>
  </si>
  <si>
    <t>東日本大震災の時に多くの国から救援隊が来てくれました。その時の写真とともにいろいろな国の「ありがとう」が山盛りで出てきます。</t>
    <rPh sb="0" eb="6">
      <t>ヒガシニホンダイシンサイ</t>
    </rPh>
    <rPh sb="7" eb="8">
      <t>トキ</t>
    </rPh>
    <rPh sb="9" eb="10">
      <t>オオ</t>
    </rPh>
    <rPh sb="12" eb="13">
      <t>クニ</t>
    </rPh>
    <rPh sb="15" eb="17">
      <t>キュウエン</t>
    </rPh>
    <rPh sb="17" eb="18">
      <t>タイ</t>
    </rPh>
    <rPh sb="19" eb="20">
      <t>キ</t>
    </rPh>
    <rPh sb="29" eb="30">
      <t>トキ</t>
    </rPh>
    <rPh sb="31" eb="33">
      <t>シャシン</t>
    </rPh>
    <rPh sb="42" eb="43">
      <t>クニ</t>
    </rPh>
    <rPh sb="52" eb="54">
      <t>ヤマモ</t>
    </rPh>
    <rPh sb="56" eb="57">
      <t>デ</t>
    </rPh>
    <phoneticPr fontId="1"/>
  </si>
  <si>
    <t>フランス人の私が日本のアニメで育ったらこうなった。</t>
    <rPh sb="4" eb="5">
      <t>ジン</t>
    </rPh>
    <rPh sb="6" eb="7">
      <t>ワタシ</t>
    </rPh>
    <rPh sb="8" eb="10">
      <t>ニホン</t>
    </rPh>
    <rPh sb="15" eb="16">
      <t>ソダ</t>
    </rPh>
    <phoneticPr fontId="1"/>
  </si>
  <si>
    <t>エルザ・ブランツ　著　　Kana　翻訳協力</t>
    <rPh sb="9" eb="10">
      <t>チョ</t>
    </rPh>
    <rPh sb="17" eb="19">
      <t>ホンヤク</t>
    </rPh>
    <rPh sb="19" eb="21">
      <t>キョウリョク</t>
    </rPh>
    <phoneticPr fontId="1"/>
  </si>
  <si>
    <t>著者の経験とフランスのアニメ事情。懐かしい漫画から現代のものまで日本のマンガが登場します。</t>
    <rPh sb="0" eb="2">
      <t>チョシャ</t>
    </rPh>
    <rPh sb="3" eb="5">
      <t>ケイケン</t>
    </rPh>
    <rPh sb="14" eb="16">
      <t>ジジョウ</t>
    </rPh>
    <rPh sb="17" eb="18">
      <t>ナツ</t>
    </rPh>
    <rPh sb="21" eb="23">
      <t>マンガ</t>
    </rPh>
    <rPh sb="25" eb="27">
      <t>ゲンダイ</t>
    </rPh>
    <rPh sb="32" eb="34">
      <t>ニホン</t>
    </rPh>
    <rPh sb="39" eb="41">
      <t>トウジョウ</t>
    </rPh>
    <phoneticPr fontId="1"/>
  </si>
  <si>
    <t>和の食文化　3　和食づくりの基本とは？</t>
    <rPh sb="0" eb="1">
      <t>ワ</t>
    </rPh>
    <rPh sb="2" eb="5">
      <t>ショクブンカ</t>
    </rPh>
    <rPh sb="8" eb="10">
      <t>ワショク</t>
    </rPh>
    <rPh sb="14" eb="16">
      <t>キホン</t>
    </rPh>
    <phoneticPr fontId="1"/>
  </si>
  <si>
    <t>こどもくらぶ</t>
    <phoneticPr fontId="1"/>
  </si>
  <si>
    <t>全4巻のうちの1冊。和食のマナーや英語での紹介もあり、知識も満腹状態になります。</t>
    <rPh sb="0" eb="1">
      <t>ゼン</t>
    </rPh>
    <rPh sb="2" eb="3">
      <t>カン</t>
    </rPh>
    <rPh sb="8" eb="9">
      <t>サツ</t>
    </rPh>
    <rPh sb="10" eb="12">
      <t>ワショク</t>
    </rPh>
    <rPh sb="17" eb="19">
      <t>エイゴ</t>
    </rPh>
    <rPh sb="21" eb="23">
      <t>ショウカイ</t>
    </rPh>
    <rPh sb="27" eb="29">
      <t>チシキ</t>
    </rPh>
    <rPh sb="30" eb="32">
      <t>マンプク</t>
    </rPh>
    <rPh sb="32" eb="34">
      <t>ジョウタイ</t>
    </rPh>
    <phoneticPr fontId="1"/>
  </si>
  <si>
    <t>ふしぎの国のバード</t>
    <rPh sb="4" eb="5">
      <t>クニ</t>
    </rPh>
    <phoneticPr fontId="1"/>
  </si>
  <si>
    <t>佐々大河</t>
    <rPh sb="0" eb="2">
      <t>サッサ</t>
    </rPh>
    <rPh sb="2" eb="4">
      <t>タイガ</t>
    </rPh>
    <phoneticPr fontId="1"/>
  </si>
  <si>
    <t>明治の初期に北海道や東北地方を探検したイギリス女性の手記を漫画化。原作や写真資料の本も合わせて読んでみてください。</t>
    <rPh sb="0" eb="2">
      <t>メイジ</t>
    </rPh>
    <rPh sb="3" eb="5">
      <t>ショキ</t>
    </rPh>
    <rPh sb="6" eb="9">
      <t>ホッカイドウ</t>
    </rPh>
    <rPh sb="10" eb="12">
      <t>トウホク</t>
    </rPh>
    <rPh sb="12" eb="14">
      <t>チホウ</t>
    </rPh>
    <rPh sb="15" eb="17">
      <t>タンケン</t>
    </rPh>
    <rPh sb="23" eb="25">
      <t>ジョセイ</t>
    </rPh>
    <rPh sb="26" eb="28">
      <t>シュキ</t>
    </rPh>
    <rPh sb="29" eb="31">
      <t>マンガ</t>
    </rPh>
    <rPh sb="31" eb="32">
      <t>カ</t>
    </rPh>
    <rPh sb="33" eb="35">
      <t>ゲンサク</t>
    </rPh>
    <rPh sb="36" eb="38">
      <t>シャシン</t>
    </rPh>
    <rPh sb="38" eb="40">
      <t>シリョウ</t>
    </rPh>
    <rPh sb="41" eb="42">
      <t>ホン</t>
    </rPh>
    <rPh sb="43" eb="44">
      <t>ア</t>
    </rPh>
    <rPh sb="47" eb="48">
      <t>ヨ</t>
    </rPh>
    <phoneticPr fontId="1"/>
  </si>
  <si>
    <t>鎌倉香房メモリーズ</t>
    <rPh sb="0" eb="2">
      <t>カマクラ</t>
    </rPh>
    <rPh sb="2" eb="3">
      <t>カオ</t>
    </rPh>
    <rPh sb="3" eb="4">
      <t>フサ</t>
    </rPh>
    <phoneticPr fontId="1"/>
  </si>
  <si>
    <t>阿部暁子</t>
    <rPh sb="0" eb="2">
      <t>アベ</t>
    </rPh>
    <rPh sb="2" eb="4">
      <t>アキコ</t>
    </rPh>
    <phoneticPr fontId="1"/>
  </si>
  <si>
    <t>日本の名作おさらい　おとなの楽習16</t>
    <rPh sb="0" eb="2">
      <t>ニホン</t>
    </rPh>
    <rPh sb="3" eb="5">
      <t>メイサク</t>
    </rPh>
    <rPh sb="14" eb="15">
      <t>ラク</t>
    </rPh>
    <rPh sb="15" eb="16">
      <t>シュウ</t>
    </rPh>
    <phoneticPr fontId="1"/>
  </si>
  <si>
    <t>現代用語の基礎知識　編</t>
    <rPh sb="0" eb="4">
      <t>ゲンダイヨウゴ</t>
    </rPh>
    <rPh sb="5" eb="9">
      <t>キソチシキ</t>
    </rPh>
    <rPh sb="10" eb="11">
      <t>ヘン</t>
    </rPh>
    <phoneticPr fontId="1"/>
  </si>
  <si>
    <t>自由国民社</t>
    <rPh sb="0" eb="5">
      <t>ジユウコクミンシャ</t>
    </rPh>
    <phoneticPr fontId="1"/>
  </si>
  <si>
    <t>日本の有名な文学作品の「あらすじ」の本です。浅く広く知ってみる、できればここから本を1冊読んでみてくれたら嬉しいです。</t>
    <rPh sb="0" eb="2">
      <t>ニホン</t>
    </rPh>
    <rPh sb="3" eb="5">
      <t>ユウメイ</t>
    </rPh>
    <rPh sb="6" eb="8">
      <t>ブンガク</t>
    </rPh>
    <rPh sb="8" eb="10">
      <t>サクヒン</t>
    </rPh>
    <rPh sb="18" eb="19">
      <t>ホン</t>
    </rPh>
    <rPh sb="22" eb="23">
      <t>アサ</t>
    </rPh>
    <rPh sb="24" eb="25">
      <t>ヒロ</t>
    </rPh>
    <rPh sb="26" eb="27">
      <t>シ</t>
    </rPh>
    <rPh sb="40" eb="41">
      <t>ホン</t>
    </rPh>
    <rPh sb="43" eb="44">
      <t>サツ</t>
    </rPh>
    <rPh sb="44" eb="45">
      <t>ヨ</t>
    </rPh>
    <rPh sb="53" eb="54">
      <t>ウレ</t>
    </rPh>
    <phoneticPr fontId="1"/>
  </si>
  <si>
    <t>ちはやふる</t>
    <phoneticPr fontId="1"/>
  </si>
  <si>
    <t>ダークツーリズム　悲しみの記憶を巡る旅</t>
    <rPh sb="9" eb="10">
      <t>カナ</t>
    </rPh>
    <rPh sb="13" eb="15">
      <t>キオク</t>
    </rPh>
    <rPh sb="16" eb="17">
      <t>メグ</t>
    </rPh>
    <rPh sb="18" eb="19">
      <t>タビ</t>
    </rPh>
    <phoneticPr fontId="1"/>
  </si>
  <si>
    <t>井出明</t>
    <rPh sb="0" eb="2">
      <t>イデ</t>
    </rPh>
    <rPh sb="2" eb="3">
      <t>アキラ</t>
    </rPh>
    <phoneticPr fontId="1"/>
  </si>
  <si>
    <t>旅と言えば「明るい」イメージ。しかし、この本はそうではない逆の方面に焦点をあてています。一般的なガイドブックには載っていない旅から発見するものは何でしょうか。</t>
    <rPh sb="0" eb="1">
      <t>タビ</t>
    </rPh>
    <rPh sb="2" eb="3">
      <t>イ</t>
    </rPh>
    <rPh sb="6" eb="7">
      <t>アカ</t>
    </rPh>
    <rPh sb="21" eb="22">
      <t>ホン</t>
    </rPh>
    <rPh sb="29" eb="30">
      <t>ギャク</t>
    </rPh>
    <rPh sb="31" eb="33">
      <t>ホウメン</t>
    </rPh>
    <rPh sb="34" eb="36">
      <t>ショウテン</t>
    </rPh>
    <rPh sb="44" eb="47">
      <t>イッパンテキ</t>
    </rPh>
    <rPh sb="56" eb="57">
      <t>ノ</t>
    </rPh>
    <rPh sb="62" eb="63">
      <t>タビ</t>
    </rPh>
    <rPh sb="65" eb="67">
      <t>ハッケン</t>
    </rPh>
    <rPh sb="72" eb="73">
      <t>ナン</t>
    </rPh>
    <phoneticPr fontId="1"/>
  </si>
  <si>
    <t>西村書店</t>
    <rPh sb="0" eb="4">
      <t>ニシムラショテン</t>
    </rPh>
    <phoneticPr fontId="1"/>
  </si>
  <si>
    <t>ニュースや新聞で名前を聞いたことはあるのでは。なぜ、彼女はニュースにとりあげられたのか、もう少し広く「知って」みませんか。</t>
    <rPh sb="5" eb="7">
      <t>シンブン</t>
    </rPh>
    <rPh sb="8" eb="10">
      <t>ナマエ</t>
    </rPh>
    <rPh sb="11" eb="12">
      <t>キ</t>
    </rPh>
    <rPh sb="26" eb="28">
      <t>カノジョ</t>
    </rPh>
    <rPh sb="46" eb="47">
      <t>スコ</t>
    </rPh>
    <rPh sb="48" eb="49">
      <t>ヒロ</t>
    </rPh>
    <rPh sb="51" eb="52">
      <t>シ</t>
    </rPh>
    <phoneticPr fontId="1"/>
  </si>
  <si>
    <t>334</t>
    <phoneticPr fontId="1"/>
  </si>
  <si>
    <t>809</t>
    <phoneticPr fontId="1"/>
  </si>
  <si>
    <t>302</t>
    <phoneticPr fontId="1"/>
  </si>
  <si>
    <t>726</t>
    <phoneticPr fontId="1"/>
  </si>
  <si>
    <t>386</t>
    <phoneticPr fontId="1"/>
  </si>
  <si>
    <t>290</t>
    <phoneticPr fontId="1"/>
  </si>
  <si>
    <t>289</t>
    <phoneticPr fontId="1"/>
  </si>
  <si>
    <t>908</t>
    <phoneticPr fontId="1"/>
  </si>
  <si>
    <t>810</t>
    <phoneticPr fontId="1"/>
  </si>
  <si>
    <t>910</t>
    <phoneticPr fontId="1"/>
  </si>
  <si>
    <t>383</t>
    <phoneticPr fontId="1"/>
  </si>
  <si>
    <t>913</t>
    <phoneticPr fontId="1"/>
  </si>
  <si>
    <t>382</t>
    <phoneticPr fontId="1"/>
  </si>
  <si>
    <t>211</t>
    <phoneticPr fontId="1"/>
  </si>
  <si>
    <t>377</t>
    <phoneticPr fontId="1"/>
  </si>
  <si>
    <t>376</t>
    <phoneticPr fontId="1"/>
  </si>
  <si>
    <t>国際理解を教育のひとつの柱に掲げている本校ですが、昨年来の新型コロナウイルスの影響で今までと同じにはできないこともたくさん出ています。外国に簡単に行けない時代ですが、日本の中でも「国際的なこと」はたくさんあります。国際教育は英語だけではありません。「図書館の中で世界を知り、日本について学ぶ」をポイントに幅広く、読みやすい本を選んでみました。</t>
    <rPh sb="0" eb="2">
      <t>コクサイ</t>
    </rPh>
    <rPh sb="2" eb="4">
      <t>リカイ</t>
    </rPh>
    <rPh sb="5" eb="7">
      <t>キョウイク</t>
    </rPh>
    <rPh sb="12" eb="13">
      <t>ハシラ</t>
    </rPh>
    <rPh sb="14" eb="15">
      <t>カカ</t>
    </rPh>
    <rPh sb="19" eb="21">
      <t>ホンコウ</t>
    </rPh>
    <rPh sb="25" eb="28">
      <t>サクネンライ</t>
    </rPh>
    <rPh sb="29" eb="31">
      <t>シンガタ</t>
    </rPh>
    <rPh sb="39" eb="41">
      <t>エイキョウ</t>
    </rPh>
    <rPh sb="42" eb="43">
      <t>イマ</t>
    </rPh>
    <rPh sb="46" eb="47">
      <t>オナ</t>
    </rPh>
    <rPh sb="61" eb="62">
      <t>デ</t>
    </rPh>
    <rPh sb="67" eb="69">
      <t>ガイコク</t>
    </rPh>
    <rPh sb="70" eb="72">
      <t>カンタン</t>
    </rPh>
    <rPh sb="73" eb="74">
      <t>イ</t>
    </rPh>
    <rPh sb="77" eb="79">
      <t>ジダイ</t>
    </rPh>
    <rPh sb="83" eb="85">
      <t>ニホン</t>
    </rPh>
    <rPh sb="86" eb="87">
      <t>ナカ</t>
    </rPh>
    <rPh sb="90" eb="92">
      <t>コクサイ</t>
    </rPh>
    <rPh sb="92" eb="93">
      <t>テキ</t>
    </rPh>
    <rPh sb="125" eb="127">
      <t>トショ</t>
    </rPh>
    <rPh sb="127" eb="128">
      <t>カン</t>
    </rPh>
    <rPh sb="129" eb="130">
      <t>ナカ</t>
    </rPh>
    <rPh sb="131" eb="133">
      <t>セカイ</t>
    </rPh>
    <rPh sb="134" eb="135">
      <t>シ</t>
    </rPh>
    <rPh sb="137" eb="139">
      <t>ニホン</t>
    </rPh>
    <rPh sb="143" eb="144">
      <t>マナ</t>
    </rPh>
    <rPh sb="152" eb="154">
      <t>ハバヒロ</t>
    </rPh>
    <rPh sb="156" eb="157">
      <t>ヨ</t>
    </rPh>
    <rPh sb="161" eb="162">
      <t>ホン</t>
    </rPh>
    <rPh sb="163" eb="164">
      <t>エラ</t>
    </rPh>
    <phoneticPr fontId="1"/>
  </si>
  <si>
    <t>国語の授業でも「百人一首」を扱いますが、これを読めば競技かるたのイメージの予習もできます。</t>
    <rPh sb="0" eb="2">
      <t>コクゴ</t>
    </rPh>
    <rPh sb="3" eb="5">
      <t>ジュギョウ</t>
    </rPh>
    <rPh sb="8" eb="12">
      <t>ヒャクニンイッシュ</t>
    </rPh>
    <rPh sb="14" eb="15">
      <t>アツカ</t>
    </rPh>
    <rPh sb="23" eb="24">
      <t>ヨ</t>
    </rPh>
    <rPh sb="26" eb="28">
      <t>キョウギ</t>
    </rPh>
    <rPh sb="37" eb="39">
      <t>ヨシュウ</t>
    </rPh>
    <phoneticPr fontId="1"/>
  </si>
  <si>
    <t>髙野紀子　作　　
股野儷子　マーガレット・ブリアー　訳</t>
    <rPh sb="0" eb="2">
      <t>タカノ</t>
    </rPh>
    <rPh sb="2" eb="4">
      <t>ノリコ</t>
    </rPh>
    <rPh sb="5" eb="6">
      <t>サク</t>
    </rPh>
    <rPh sb="9" eb="11">
      <t>マタノ</t>
    </rPh>
    <rPh sb="11" eb="13">
      <t>レイコ</t>
    </rPh>
    <rPh sb="26" eb="27">
      <t>ヤク</t>
    </rPh>
    <phoneticPr fontId="1"/>
  </si>
  <si>
    <t>キャメリニ　著　　
杉田七重　訳</t>
    <rPh sb="6" eb="7">
      <t>チョ</t>
    </rPh>
    <rPh sb="10" eb="12">
      <t>スギタ</t>
    </rPh>
    <rPh sb="12" eb="14">
      <t>ナナエ</t>
    </rPh>
    <rPh sb="15" eb="16">
      <t>ヤク</t>
    </rPh>
    <phoneticPr fontId="1"/>
  </si>
  <si>
    <t>ひきの真二　まんが　
知里幸恵 銀のしずく記念館　監修</t>
    <rPh sb="3" eb="5">
      <t>シンジ</t>
    </rPh>
    <rPh sb="11" eb="15">
      <t>チリユキエ</t>
    </rPh>
    <rPh sb="16" eb="17">
      <t>ギン</t>
    </rPh>
    <rPh sb="21" eb="23">
      <t>キネン</t>
    </rPh>
    <rPh sb="23" eb="24">
      <t>カン</t>
    </rPh>
    <rPh sb="25" eb="27">
      <t>カンシュウ</t>
    </rPh>
    <phoneticPr fontId="1"/>
  </si>
  <si>
    <t>「香道」って知っていますか。「茶道」や「華道」のように「香り」をテーマに、鎌倉を舞台にした小説です。</t>
    <rPh sb="1" eb="3">
      <t>コウドウ</t>
    </rPh>
    <rPh sb="6" eb="7">
      <t>シ</t>
    </rPh>
    <rPh sb="15" eb="17">
      <t>サドウ</t>
    </rPh>
    <rPh sb="20" eb="22">
      <t>カドウ</t>
    </rPh>
    <rPh sb="28" eb="29">
      <t>カオ</t>
    </rPh>
    <rPh sb="37" eb="39">
      <t>カマクラ</t>
    </rPh>
    <rPh sb="40" eb="42">
      <t>ブタイ</t>
    </rPh>
    <rPh sb="45" eb="47">
      <t>ショウセツ</t>
    </rPh>
    <phoneticPr fontId="1"/>
  </si>
  <si>
    <t>グレタのねがい　地球をまもり未来に生きる</t>
    <rPh sb="8" eb="10">
      <t>チキュウ</t>
    </rPh>
    <rPh sb="14" eb="16">
      <t>ミライ</t>
    </rPh>
    <rPh sb="17" eb="18">
      <t>イ</t>
    </rPh>
    <phoneticPr fontId="1"/>
  </si>
  <si>
    <t>北原モコットゥナｼ　簑島栄紀　監修</t>
    <rPh sb="0" eb="2">
      <t>キタハラ</t>
    </rPh>
    <rPh sb="10" eb="12">
      <t>ミノシマ</t>
    </rPh>
    <rPh sb="12" eb="13">
      <t>エイ</t>
    </rPh>
    <rPh sb="13" eb="14">
      <t>キ</t>
    </rPh>
    <rPh sb="15" eb="17">
      <t>カンシュウ</t>
    </rPh>
    <phoneticPr fontId="1"/>
  </si>
  <si>
    <t>原始から未来までを56のテーマに分けています。1つ1つが短いので、読みやすい構成です。</t>
    <rPh sb="0" eb="2">
      <t>ゲンシ</t>
    </rPh>
    <rPh sb="4" eb="6">
      <t>ミライ</t>
    </rPh>
    <rPh sb="16" eb="17">
      <t>ワ</t>
    </rPh>
    <rPh sb="28" eb="29">
      <t>ミジカ</t>
    </rPh>
    <rPh sb="33" eb="34">
      <t>ヨ</t>
    </rPh>
    <rPh sb="38" eb="40">
      <t>コウセイ</t>
    </rPh>
    <phoneticPr fontId="1"/>
  </si>
  <si>
    <t>KADOKAWA　
BEAM COMIX</t>
    <phoneticPr fontId="1"/>
  </si>
  <si>
    <t>講談社　
BE LOVE　コミックス</t>
    <rPh sb="0" eb="3">
      <t>コウダンシャ</t>
    </rPh>
    <phoneticPr fontId="1"/>
  </si>
  <si>
    <t>筑摩書房　
ちくまプリマー新書</t>
    <rPh sb="0" eb="2">
      <t>チクマ</t>
    </rPh>
    <rPh sb="2" eb="4">
      <t>ショボウ</t>
    </rPh>
    <rPh sb="13" eb="15">
      <t>シンショ</t>
    </rPh>
    <phoneticPr fontId="1"/>
  </si>
  <si>
    <t>集英社　
集英社新書</t>
    <rPh sb="0" eb="3">
      <t>シュウエイシャ</t>
    </rPh>
    <rPh sb="5" eb="8">
      <t>シュウエイシャ</t>
    </rPh>
    <rPh sb="8" eb="10">
      <t>シンショ</t>
    </rPh>
    <phoneticPr fontId="1"/>
  </si>
  <si>
    <t>ぺりかん社　
なるにはBOOKS</t>
    <rPh sb="4" eb="5">
      <t>シャ</t>
    </rPh>
    <phoneticPr fontId="1"/>
  </si>
  <si>
    <t>集英社　
オレンジ文庫</t>
    <rPh sb="0" eb="3">
      <t>シュウエイシャ</t>
    </rPh>
    <rPh sb="9" eb="11">
      <t>ブンコ</t>
    </rPh>
    <phoneticPr fontId="1"/>
  </si>
  <si>
    <t>幻冬舎　
幻冬舎新書</t>
    <rPh sb="0" eb="3">
      <t>ゲントウシャ</t>
    </rPh>
    <rPh sb="5" eb="10">
      <t>ゲントウシャシンショ</t>
    </rPh>
    <phoneticPr fontId="1"/>
  </si>
  <si>
    <t>DU BOOKS(発行)　
ディスクユニオン(発売)</t>
    <rPh sb="9" eb="11">
      <t>ハッコウ</t>
    </rPh>
    <rPh sb="23" eb="25">
      <t>ハツバイ</t>
    </rPh>
    <phoneticPr fontId="1"/>
  </si>
  <si>
    <t>高等学校</t>
    <rPh sb="0" eb="2">
      <t>コウトウ</t>
    </rPh>
    <rPh sb="2" eb="4">
      <t>ガッコ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6">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
      <left style="hair">
        <color theme="0" tint="-0.499984740745262"/>
      </left>
      <right/>
      <top style="thin">
        <color theme="0" tint="-0.499984740745262"/>
      </top>
      <bottom style="thin">
        <color theme="0" tint="-0.499984740745262"/>
      </bottom>
      <diagonal/>
    </border>
    <border>
      <left/>
      <right style="hair">
        <color theme="0" tint="-0.499984740745262"/>
      </right>
      <top style="thin">
        <color theme="0" tint="-0.499984740745262"/>
      </top>
      <bottom style="thin">
        <color theme="0" tint="-0.499984740745262"/>
      </bottom>
      <diagonal/>
    </border>
  </borders>
  <cellStyleXfs count="1">
    <xf numFmtId="0" fontId="0" fillId="0" borderId="0"/>
  </cellStyleXfs>
  <cellXfs count="47">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4" fillId="0" borderId="1" xfId="0" applyNumberFormat="1" applyFont="1" applyFill="1" applyBorder="1" applyAlignment="1">
      <alignment horizontal="center" vertical="center"/>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0" fontId="9" fillId="0" borderId="14" xfId="0" applyFont="1" applyFill="1" applyBorder="1" applyAlignment="1">
      <alignment horizontal="left" vertical="center" wrapText="1"/>
    </xf>
    <xf numFmtId="0" fontId="9" fillId="0" borderId="15" xfId="0" applyFont="1" applyFill="1" applyBorder="1" applyAlignment="1">
      <alignment horizontal="left" vertical="center" wrapText="1"/>
    </xf>
    <xf numFmtId="176" fontId="10" fillId="0" borderId="14" xfId="0" applyNumberFormat="1" applyFont="1" applyFill="1" applyBorder="1" applyAlignment="1">
      <alignment vertical="center" wrapText="1"/>
    </xf>
    <xf numFmtId="176" fontId="10" fillId="0" borderId="6" xfId="0" applyNumberFormat="1" applyFont="1" applyFill="1" applyBorder="1" applyAlignment="1">
      <alignment vertical="center" wrapText="1"/>
    </xf>
    <xf numFmtId="176" fontId="10" fillId="0" borderId="7" xfId="0" applyNumberFormat="1" applyFont="1" applyFill="1" applyBorder="1" applyAlignment="1">
      <alignment vertical="center" wrapText="1"/>
    </xf>
    <xf numFmtId="176" fontId="10" fillId="0" borderId="14" xfId="0" applyNumberFormat="1" applyFont="1" applyFill="1" applyBorder="1" applyAlignment="1">
      <alignment horizontal="left" vertical="center" wrapText="1"/>
    </xf>
    <xf numFmtId="176" fontId="10" fillId="0" borderId="6" xfId="0" applyNumberFormat="1" applyFont="1" applyFill="1" applyBorder="1" applyAlignment="1">
      <alignment horizontal="left" vertical="center" wrapText="1"/>
    </xf>
    <xf numFmtId="176" fontId="10" fillId="0" borderId="7" xfId="0" applyNumberFormat="1" applyFont="1" applyFill="1" applyBorder="1" applyAlignment="1">
      <alignment horizontal="left" vertical="center" wrapText="1"/>
    </xf>
    <xf numFmtId="0" fontId="9" fillId="0" borderId="14" xfId="0" applyFont="1" applyFill="1" applyBorder="1" applyAlignment="1">
      <alignment vertical="center" wrapText="1"/>
    </xf>
    <xf numFmtId="0" fontId="9" fillId="0" borderId="15" xfId="0" applyFont="1" applyFill="1" applyBorder="1" applyAlignment="1">
      <alignment vertical="center" wrapText="1"/>
    </xf>
    <xf numFmtId="0" fontId="9" fillId="0" borderId="3" xfId="0" applyFont="1" applyFill="1" applyBorder="1" applyAlignment="1">
      <alignment vertical="center" wrapText="1"/>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xf numFmtId="0" fontId="8" fillId="5" borderId="12" xfId="0" applyFont="1" applyFill="1" applyBorder="1" applyAlignment="1">
      <alignment horizontal="center" vertical="center"/>
    </xf>
    <xf numFmtId="0" fontId="9" fillId="0" borderId="9" xfId="0" applyFont="1" applyFill="1" applyBorder="1" applyAlignment="1">
      <alignment vertical="center"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3" fillId="5" borderId="0" xfId="0" applyFont="1" applyFill="1" applyBorder="1" applyAlignment="1">
      <alignment horizontal="center"/>
    </xf>
    <xf numFmtId="0" fontId="4" fillId="0" borderId="1" xfId="0"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8"/>
  <sheetViews>
    <sheetView tabSelected="1" view="pageBreakPreview" zoomScaleNormal="100" zoomScaleSheetLayoutView="100" workbookViewId="0">
      <selection activeCell="P6" sqref="P6"/>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45" t="s">
        <v>797</v>
      </c>
      <c r="D1" s="45"/>
      <c r="E1" s="45"/>
      <c r="F1" s="45"/>
      <c r="G1" s="45"/>
      <c r="H1" s="45"/>
      <c r="I1" s="45"/>
      <c r="J1" s="45"/>
      <c r="K1" s="4"/>
      <c r="L1" s="4"/>
    </row>
    <row r="2" spans="1:12" ht="18" customHeight="1">
      <c r="A2" s="7"/>
      <c r="B2" s="8"/>
      <c r="C2" s="9"/>
      <c r="D2" s="9"/>
      <c r="E2" s="9"/>
      <c r="F2" s="9"/>
      <c r="G2" s="9"/>
      <c r="H2" s="7"/>
      <c r="I2" s="7"/>
      <c r="J2" s="7"/>
      <c r="K2" s="7"/>
      <c r="L2" s="7"/>
    </row>
    <row r="3" spans="1:12" ht="35.1" customHeight="1">
      <c r="A3" s="7"/>
      <c r="B3" s="14" t="s">
        <v>5</v>
      </c>
      <c r="C3" s="46" t="s">
        <v>798</v>
      </c>
      <c r="D3" s="46"/>
      <c r="E3" s="32" t="s">
        <v>896</v>
      </c>
      <c r="F3" s="32"/>
      <c r="G3" s="33" t="s">
        <v>796</v>
      </c>
      <c r="H3" s="34"/>
      <c r="I3" s="18" t="s">
        <v>799</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35" t="s">
        <v>879</v>
      </c>
      <c r="C6" s="36"/>
      <c r="D6" s="36"/>
      <c r="E6" s="36"/>
      <c r="F6" s="36"/>
      <c r="G6" s="36"/>
      <c r="H6" s="36"/>
      <c r="I6" s="36"/>
      <c r="J6" s="36"/>
      <c r="K6" s="37"/>
      <c r="L6" s="7"/>
    </row>
    <row r="7" spans="1:12">
      <c r="A7" s="7"/>
      <c r="B7" s="11"/>
      <c r="C7" s="7"/>
      <c r="D7" s="7"/>
      <c r="E7" s="12"/>
      <c r="F7" s="7"/>
      <c r="G7" s="7"/>
      <c r="H7" s="7"/>
      <c r="I7" s="7"/>
      <c r="J7" s="7"/>
      <c r="K7" s="7"/>
      <c r="L7" s="7"/>
    </row>
    <row r="8" spans="1:12" ht="54.75" customHeight="1" thickBot="1">
      <c r="A8" s="7"/>
      <c r="B8" s="15" t="s">
        <v>3</v>
      </c>
      <c r="C8" s="41" t="s">
        <v>0</v>
      </c>
      <c r="D8" s="41"/>
      <c r="E8" s="41" t="s">
        <v>2</v>
      </c>
      <c r="F8" s="41"/>
      <c r="G8" s="41" t="s">
        <v>1</v>
      </c>
      <c r="H8" s="41"/>
      <c r="I8" s="38" t="s">
        <v>4</v>
      </c>
      <c r="J8" s="39"/>
      <c r="K8" s="40"/>
      <c r="L8" s="7"/>
    </row>
    <row r="9" spans="1:12" ht="51" customHeight="1" thickTop="1">
      <c r="A9" s="13">
        <v>1</v>
      </c>
      <c r="B9" s="16" t="s">
        <v>863</v>
      </c>
      <c r="C9" s="42" t="s">
        <v>800</v>
      </c>
      <c r="D9" s="42"/>
      <c r="E9" s="42" t="s">
        <v>801</v>
      </c>
      <c r="F9" s="42"/>
      <c r="G9" s="42" t="s">
        <v>802</v>
      </c>
      <c r="H9" s="42"/>
      <c r="I9" s="43" t="s">
        <v>803</v>
      </c>
      <c r="J9" s="43"/>
      <c r="K9" s="44"/>
      <c r="L9" s="7"/>
    </row>
    <row r="10" spans="1:12" ht="51" customHeight="1">
      <c r="A10" s="13">
        <v>2</v>
      </c>
      <c r="B10" s="17" t="s">
        <v>864</v>
      </c>
      <c r="C10" s="31" t="s">
        <v>838</v>
      </c>
      <c r="D10" s="31"/>
      <c r="E10" s="31" t="s">
        <v>839</v>
      </c>
      <c r="F10" s="31"/>
      <c r="G10" s="31" t="s">
        <v>840</v>
      </c>
      <c r="H10" s="31"/>
      <c r="I10" s="19" t="s">
        <v>841</v>
      </c>
      <c r="J10" s="19"/>
      <c r="K10" s="20"/>
      <c r="L10" s="7"/>
    </row>
    <row r="11" spans="1:12" ht="51" customHeight="1">
      <c r="A11" s="13">
        <v>3</v>
      </c>
      <c r="B11" s="17" t="s">
        <v>865</v>
      </c>
      <c r="C11" s="31" t="s">
        <v>804</v>
      </c>
      <c r="D11" s="31"/>
      <c r="E11" s="31" t="s">
        <v>805</v>
      </c>
      <c r="F11" s="31"/>
      <c r="G11" s="31" t="s">
        <v>806</v>
      </c>
      <c r="H11" s="31"/>
      <c r="I11" s="19" t="s">
        <v>807</v>
      </c>
      <c r="J11" s="19"/>
      <c r="K11" s="20"/>
      <c r="L11" s="7"/>
    </row>
    <row r="12" spans="1:12" ht="51" customHeight="1">
      <c r="A12" s="13">
        <v>4</v>
      </c>
      <c r="B12" s="17" t="s">
        <v>866</v>
      </c>
      <c r="C12" s="31" t="s">
        <v>842</v>
      </c>
      <c r="D12" s="31"/>
      <c r="E12" s="31" t="s">
        <v>843</v>
      </c>
      <c r="F12" s="31"/>
      <c r="G12" s="31" t="s">
        <v>895</v>
      </c>
      <c r="H12" s="31"/>
      <c r="I12" s="19" t="s">
        <v>844</v>
      </c>
      <c r="J12" s="19"/>
      <c r="K12" s="20"/>
      <c r="L12" s="7"/>
    </row>
    <row r="13" spans="1:12" ht="51" customHeight="1">
      <c r="A13" s="13">
        <v>5</v>
      </c>
      <c r="B13" s="17" t="s">
        <v>867</v>
      </c>
      <c r="C13" s="31" t="s">
        <v>811</v>
      </c>
      <c r="D13" s="31"/>
      <c r="E13" s="31" t="s">
        <v>881</v>
      </c>
      <c r="F13" s="31"/>
      <c r="G13" s="31" t="s">
        <v>812</v>
      </c>
      <c r="H13" s="31"/>
      <c r="I13" s="19" t="s">
        <v>813</v>
      </c>
      <c r="J13" s="19"/>
      <c r="K13" s="20"/>
      <c r="L13" s="7"/>
    </row>
    <row r="14" spans="1:12" ht="51" customHeight="1">
      <c r="A14" s="13">
        <v>6</v>
      </c>
      <c r="B14" s="17" t="s">
        <v>868</v>
      </c>
      <c r="C14" s="29" t="s">
        <v>858</v>
      </c>
      <c r="D14" s="30"/>
      <c r="E14" s="31" t="s">
        <v>859</v>
      </c>
      <c r="F14" s="31"/>
      <c r="G14" s="31" t="s">
        <v>894</v>
      </c>
      <c r="H14" s="31"/>
      <c r="I14" s="23" t="s">
        <v>860</v>
      </c>
      <c r="J14" s="24"/>
      <c r="K14" s="25"/>
      <c r="L14" s="7"/>
    </row>
    <row r="15" spans="1:12" ht="51" customHeight="1">
      <c r="A15" s="13">
        <v>7</v>
      </c>
      <c r="B15" s="17" t="s">
        <v>869</v>
      </c>
      <c r="C15" s="29" t="s">
        <v>885</v>
      </c>
      <c r="D15" s="30"/>
      <c r="E15" s="31" t="s">
        <v>882</v>
      </c>
      <c r="F15" s="31"/>
      <c r="G15" s="31" t="s">
        <v>861</v>
      </c>
      <c r="H15" s="31"/>
      <c r="I15" s="23" t="s">
        <v>862</v>
      </c>
      <c r="J15" s="24"/>
      <c r="K15" s="25"/>
      <c r="L15" s="7"/>
    </row>
    <row r="16" spans="1:12" ht="51" customHeight="1">
      <c r="A16" s="13">
        <v>8</v>
      </c>
      <c r="B16" s="17" t="s">
        <v>866</v>
      </c>
      <c r="C16" s="29" t="s">
        <v>857</v>
      </c>
      <c r="D16" s="30"/>
      <c r="E16" s="31" t="s">
        <v>814</v>
      </c>
      <c r="F16" s="31"/>
      <c r="G16" s="31" t="s">
        <v>889</v>
      </c>
      <c r="H16" s="31"/>
      <c r="I16" s="19" t="s">
        <v>880</v>
      </c>
      <c r="J16" s="19"/>
      <c r="K16" s="20"/>
      <c r="L16" s="7"/>
    </row>
    <row r="17" spans="1:12" ht="51" customHeight="1">
      <c r="A17" s="13">
        <v>9</v>
      </c>
      <c r="B17" s="17" t="s">
        <v>870</v>
      </c>
      <c r="C17" s="29" t="s">
        <v>834</v>
      </c>
      <c r="D17" s="30"/>
      <c r="E17" s="31" t="s">
        <v>835</v>
      </c>
      <c r="F17" s="31"/>
      <c r="G17" s="31" t="s">
        <v>836</v>
      </c>
      <c r="H17" s="31"/>
      <c r="I17" s="23" t="s">
        <v>837</v>
      </c>
      <c r="J17" s="24"/>
      <c r="K17" s="25"/>
      <c r="L17" s="7"/>
    </row>
    <row r="18" spans="1:12" ht="51" customHeight="1">
      <c r="A18" s="13">
        <v>10</v>
      </c>
      <c r="B18" s="17" t="s">
        <v>871</v>
      </c>
      <c r="C18" s="31" t="s">
        <v>830</v>
      </c>
      <c r="D18" s="31"/>
      <c r="E18" s="31" t="s">
        <v>831</v>
      </c>
      <c r="F18" s="31"/>
      <c r="G18" s="31" t="s">
        <v>832</v>
      </c>
      <c r="H18" s="31"/>
      <c r="I18" s="19" t="s">
        <v>833</v>
      </c>
      <c r="J18" s="19"/>
      <c r="K18" s="20"/>
      <c r="L18" s="7"/>
    </row>
    <row r="19" spans="1:12" ht="51" customHeight="1">
      <c r="A19" s="13">
        <v>11</v>
      </c>
      <c r="B19" s="17" t="s">
        <v>872</v>
      </c>
      <c r="C19" s="21" t="s">
        <v>853</v>
      </c>
      <c r="D19" s="22"/>
      <c r="E19" s="31" t="s">
        <v>854</v>
      </c>
      <c r="F19" s="31"/>
      <c r="G19" s="31" t="s">
        <v>855</v>
      </c>
      <c r="H19" s="31"/>
      <c r="I19" s="19" t="s">
        <v>856</v>
      </c>
      <c r="J19" s="19"/>
      <c r="K19" s="20"/>
      <c r="L19" s="7"/>
    </row>
    <row r="20" spans="1:12" ht="51" customHeight="1">
      <c r="A20" s="13">
        <v>12</v>
      </c>
      <c r="B20" s="17" t="s">
        <v>873</v>
      </c>
      <c r="C20" s="21" t="s">
        <v>845</v>
      </c>
      <c r="D20" s="22"/>
      <c r="E20" s="21" t="s">
        <v>846</v>
      </c>
      <c r="F20" s="22"/>
      <c r="G20" s="29" t="s">
        <v>816</v>
      </c>
      <c r="H20" s="30"/>
      <c r="I20" s="26" t="s">
        <v>847</v>
      </c>
      <c r="J20" s="27"/>
      <c r="K20" s="28"/>
      <c r="L20" s="7"/>
    </row>
    <row r="21" spans="1:12" ht="51" customHeight="1">
      <c r="A21" s="13">
        <v>13</v>
      </c>
      <c r="B21" s="17" t="s">
        <v>874</v>
      </c>
      <c r="C21" s="21" t="s">
        <v>851</v>
      </c>
      <c r="D21" s="22"/>
      <c r="E21" s="31" t="s">
        <v>852</v>
      </c>
      <c r="F21" s="31"/>
      <c r="G21" s="31" t="s">
        <v>893</v>
      </c>
      <c r="H21" s="31"/>
      <c r="I21" s="19" t="s">
        <v>884</v>
      </c>
      <c r="J21" s="19"/>
      <c r="K21" s="20"/>
      <c r="L21" s="7"/>
    </row>
    <row r="22" spans="1:12" ht="51" customHeight="1">
      <c r="A22" s="13">
        <v>14</v>
      </c>
      <c r="B22" s="17" t="s">
        <v>866</v>
      </c>
      <c r="C22" s="21" t="s">
        <v>848</v>
      </c>
      <c r="D22" s="22"/>
      <c r="E22" s="31" t="s">
        <v>849</v>
      </c>
      <c r="F22" s="31"/>
      <c r="G22" s="31" t="s">
        <v>888</v>
      </c>
      <c r="H22" s="31"/>
      <c r="I22" s="19" t="s">
        <v>850</v>
      </c>
      <c r="J22" s="19"/>
      <c r="K22" s="20"/>
      <c r="L22" s="7"/>
    </row>
    <row r="23" spans="1:12" ht="51" customHeight="1">
      <c r="A23" s="13">
        <v>15</v>
      </c>
      <c r="B23" s="17" t="s">
        <v>875</v>
      </c>
      <c r="C23" s="31" t="s">
        <v>815</v>
      </c>
      <c r="D23" s="31"/>
      <c r="E23" s="31" t="s">
        <v>886</v>
      </c>
      <c r="F23" s="31"/>
      <c r="G23" s="31" t="s">
        <v>816</v>
      </c>
      <c r="H23" s="31"/>
      <c r="I23" s="19" t="s">
        <v>817</v>
      </c>
      <c r="J23" s="19"/>
      <c r="K23" s="20"/>
      <c r="L23" s="7"/>
    </row>
    <row r="24" spans="1:12" ht="51" customHeight="1">
      <c r="A24" s="13">
        <v>16</v>
      </c>
      <c r="B24" s="17" t="s">
        <v>869</v>
      </c>
      <c r="C24" s="31" t="s">
        <v>818</v>
      </c>
      <c r="D24" s="31"/>
      <c r="E24" s="31" t="s">
        <v>883</v>
      </c>
      <c r="F24" s="31"/>
      <c r="G24" s="31" t="s">
        <v>819</v>
      </c>
      <c r="H24" s="31"/>
      <c r="I24" s="19" t="s">
        <v>820</v>
      </c>
      <c r="J24" s="19"/>
      <c r="K24" s="20"/>
      <c r="L24" s="7"/>
    </row>
    <row r="25" spans="1:12" ht="51" customHeight="1">
      <c r="A25" s="13">
        <v>17</v>
      </c>
      <c r="B25" s="17" t="s">
        <v>876</v>
      </c>
      <c r="C25" s="31" t="s">
        <v>821</v>
      </c>
      <c r="D25" s="31"/>
      <c r="E25" s="31" t="s">
        <v>822</v>
      </c>
      <c r="F25" s="31"/>
      <c r="G25" s="31" t="s">
        <v>823</v>
      </c>
      <c r="H25" s="31"/>
      <c r="I25" s="19" t="s">
        <v>887</v>
      </c>
      <c r="J25" s="19"/>
      <c r="K25" s="20"/>
      <c r="L25" s="7"/>
    </row>
    <row r="26" spans="1:12" ht="51" customHeight="1">
      <c r="A26" s="13">
        <v>18</v>
      </c>
      <c r="B26" s="17" t="s">
        <v>875</v>
      </c>
      <c r="C26" s="31" t="s">
        <v>827</v>
      </c>
      <c r="D26" s="31"/>
      <c r="E26" s="31" t="s">
        <v>828</v>
      </c>
      <c r="F26" s="31"/>
      <c r="G26" s="31" t="s">
        <v>891</v>
      </c>
      <c r="H26" s="31"/>
      <c r="I26" s="19" t="s">
        <v>829</v>
      </c>
      <c r="J26" s="19"/>
      <c r="K26" s="20"/>
      <c r="L26" s="7"/>
    </row>
    <row r="27" spans="1:12" ht="51" customHeight="1">
      <c r="A27" s="13">
        <v>19</v>
      </c>
      <c r="B27" s="17" t="s">
        <v>877</v>
      </c>
      <c r="C27" s="31" t="s">
        <v>808</v>
      </c>
      <c r="D27" s="31"/>
      <c r="E27" s="31" t="s">
        <v>809</v>
      </c>
      <c r="F27" s="31"/>
      <c r="G27" s="31" t="s">
        <v>890</v>
      </c>
      <c r="H27" s="31"/>
      <c r="I27" s="19" t="s">
        <v>810</v>
      </c>
      <c r="J27" s="19"/>
      <c r="K27" s="20"/>
      <c r="L27" s="7"/>
    </row>
    <row r="28" spans="1:12" ht="51" customHeight="1">
      <c r="A28" s="13">
        <v>20</v>
      </c>
      <c r="B28" s="17" t="s">
        <v>878</v>
      </c>
      <c r="C28" s="31" t="s">
        <v>824</v>
      </c>
      <c r="D28" s="31"/>
      <c r="E28" s="31" t="s">
        <v>825</v>
      </c>
      <c r="F28" s="31"/>
      <c r="G28" s="31" t="s">
        <v>892</v>
      </c>
      <c r="H28" s="31"/>
      <c r="I28" s="19" t="s">
        <v>826</v>
      </c>
      <c r="J28" s="19"/>
      <c r="K28" s="20"/>
      <c r="L28" s="7"/>
    </row>
  </sheetData>
  <mergeCells count="89">
    <mergeCell ref="C1:J1"/>
    <mergeCell ref="C17:D17"/>
    <mergeCell ref="E17:F17"/>
    <mergeCell ref="G17:H17"/>
    <mergeCell ref="I17:K17"/>
    <mergeCell ref="C16:D16"/>
    <mergeCell ref="E16:F16"/>
    <mergeCell ref="G16:H16"/>
    <mergeCell ref="I16:K16"/>
    <mergeCell ref="C15:D15"/>
    <mergeCell ref="E15:F15"/>
    <mergeCell ref="G15:H15"/>
    <mergeCell ref="I15:K15"/>
    <mergeCell ref="I11:K11"/>
    <mergeCell ref="C12:D12"/>
    <mergeCell ref="C3:D3"/>
    <mergeCell ref="E18:F18"/>
    <mergeCell ref="G18:H18"/>
    <mergeCell ref="I18:K18"/>
    <mergeCell ref="C9:D9"/>
    <mergeCell ref="E9:F9"/>
    <mergeCell ref="G9:H9"/>
    <mergeCell ref="I9:K9"/>
    <mergeCell ref="C10:D10"/>
    <mergeCell ref="E10:F10"/>
    <mergeCell ref="G10:H10"/>
    <mergeCell ref="I10:K10"/>
    <mergeCell ref="I13:K13"/>
    <mergeCell ref="C14:D14"/>
    <mergeCell ref="E14:F14"/>
    <mergeCell ref="G14:H14"/>
    <mergeCell ref="C13:D13"/>
    <mergeCell ref="E3:F3"/>
    <mergeCell ref="G3:H3"/>
    <mergeCell ref="B6:K6"/>
    <mergeCell ref="E12:F12"/>
    <mergeCell ref="G12:H12"/>
    <mergeCell ref="I12:K12"/>
    <mergeCell ref="I8:K8"/>
    <mergeCell ref="C8:D8"/>
    <mergeCell ref="E8:F8"/>
    <mergeCell ref="G8:H8"/>
    <mergeCell ref="E13:F13"/>
    <mergeCell ref="G13:H13"/>
    <mergeCell ref="C11:D11"/>
    <mergeCell ref="E11:F11"/>
    <mergeCell ref="G11:H11"/>
    <mergeCell ref="I26:K26"/>
    <mergeCell ref="I25:K25"/>
    <mergeCell ref="C25:D25"/>
    <mergeCell ref="E25:F25"/>
    <mergeCell ref="G25:H25"/>
    <mergeCell ref="I23:K23"/>
    <mergeCell ref="E24:F24"/>
    <mergeCell ref="C24:D24"/>
    <mergeCell ref="C23:D23"/>
    <mergeCell ref="G24:H24"/>
    <mergeCell ref="I24:K24"/>
    <mergeCell ref="E23:F23"/>
    <mergeCell ref="G23:H23"/>
    <mergeCell ref="E22:F22"/>
    <mergeCell ref="G22:H22"/>
    <mergeCell ref="C28:D28"/>
    <mergeCell ref="E28:F28"/>
    <mergeCell ref="G28:H28"/>
    <mergeCell ref="C26:D26"/>
    <mergeCell ref="E26:F26"/>
    <mergeCell ref="G26:H26"/>
    <mergeCell ref="I28:K28"/>
    <mergeCell ref="C27:D27"/>
    <mergeCell ref="E27:F27"/>
    <mergeCell ref="G27:H27"/>
    <mergeCell ref="I27:K27"/>
    <mergeCell ref="I22:K22"/>
    <mergeCell ref="C20:D20"/>
    <mergeCell ref="I19:K19"/>
    <mergeCell ref="C22:D22"/>
    <mergeCell ref="I14:K14"/>
    <mergeCell ref="I20:K20"/>
    <mergeCell ref="I21:K21"/>
    <mergeCell ref="E20:F20"/>
    <mergeCell ref="G20:H20"/>
    <mergeCell ref="C21:D21"/>
    <mergeCell ref="E21:F21"/>
    <mergeCell ref="G21:H21"/>
    <mergeCell ref="C19:D19"/>
    <mergeCell ref="E19:F19"/>
    <mergeCell ref="G19:H19"/>
    <mergeCell ref="C18:D18"/>
  </mergeCells>
  <phoneticPr fontId="1"/>
  <dataValidations count="1">
    <dataValidation imeMode="hiragana" allowBlank="1" showInputMessage="1" showErrorMessage="1" sqref="B6"/>
  </dataValidations>
  <pageMargins left="0.7" right="0.7" top="0.75" bottom="0.75" header="0.3" footer="0.3"/>
  <pageSetup paperSize="9" scale="62"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4-14T04:07:00Z</cp:lastPrinted>
  <dcterms:created xsi:type="dcterms:W3CDTF">2004-01-30T10:40:15Z</dcterms:created>
  <dcterms:modified xsi:type="dcterms:W3CDTF">2021-08-02T01:50:44Z</dcterms:modified>
</cp:coreProperties>
</file>